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429"/>
  <workbookPr defaultThemeVersion="124226"/>
  <mc:AlternateContent xmlns:mc="http://schemas.openxmlformats.org/markup-compatibility/2006">
    <mc:Choice Requires="x15">
      <x15ac:absPath xmlns:x15ac="http://schemas.microsoft.com/office/spreadsheetml/2010/11/ac" url="\\VMV3FS1.joho.local\プロファイル$\i0001771\デスクトップ\Ｊクレジット\"/>
    </mc:Choice>
  </mc:AlternateContent>
  <xr:revisionPtr revIDLastSave="0" documentId="13_ncr:1_{B73D414B-7F82-4301-96FE-356F98F9ED37}" xr6:coauthVersionLast="47" xr6:coauthVersionMax="47" xr10:uidLastSave="{00000000-0000-0000-0000-000000000000}"/>
  <bookViews>
    <workbookView xWindow="-28920" yWindow="-120" windowWidth="29040" windowHeight="15720" xr2:uid="{00000000-000D-0000-FFFF-FFFF00000000}"/>
  </bookViews>
  <sheets>
    <sheet name="配合別打設数量表" sheetId="2" r:id="rId1"/>
  </sheets>
  <calcPr calcId="162913"/>
</workbook>
</file>

<file path=xl/sharedStrings.xml><?xml version="1.0" encoding="utf-8"?>
<sst xmlns="http://schemas.openxmlformats.org/spreadsheetml/2006/main" count="48" uniqueCount="24">
  <si>
    <t>配合別打設数量表</t>
    <rPh sb="0" eb="2">
      <t>ハイゴウ</t>
    </rPh>
    <rPh sb="2" eb="3">
      <t>ベツ</t>
    </rPh>
    <rPh sb="3" eb="5">
      <t>ダセツ</t>
    </rPh>
    <rPh sb="5" eb="7">
      <t>スウリョウ</t>
    </rPh>
    <rPh sb="7" eb="8">
      <t>ヒョウ</t>
    </rPh>
    <phoneticPr fontId="1"/>
  </si>
  <si>
    <t>プラント</t>
    <phoneticPr fontId="1"/>
  </si>
  <si>
    <t>住所</t>
    <rPh sb="0" eb="2">
      <t>ジュウショ</t>
    </rPh>
    <phoneticPr fontId="1"/>
  </si>
  <si>
    <t>工事番号・工事名</t>
    <rPh sb="0" eb="2">
      <t>コウジ</t>
    </rPh>
    <rPh sb="2" eb="4">
      <t>バンゴウ</t>
    </rPh>
    <rPh sb="5" eb="8">
      <t>コウジメイ</t>
    </rPh>
    <phoneticPr fontId="1"/>
  </si>
  <si>
    <t>現場所在地</t>
    <rPh sb="0" eb="2">
      <t>ゲンバ</t>
    </rPh>
    <rPh sb="2" eb="5">
      <t>ショザイチ</t>
    </rPh>
    <phoneticPr fontId="1"/>
  </si>
  <si>
    <t>№</t>
    <phoneticPr fontId="1"/>
  </si>
  <si>
    <t>打設日</t>
    <rPh sb="0" eb="2">
      <t>ダセツ</t>
    </rPh>
    <rPh sb="2" eb="3">
      <t>ビ</t>
    </rPh>
    <phoneticPr fontId="1"/>
  </si>
  <si>
    <t>配合</t>
    <rPh sb="0" eb="2">
      <t>ハイゴウ</t>
    </rPh>
    <phoneticPr fontId="1"/>
  </si>
  <si>
    <t>季節</t>
    <rPh sb="0" eb="2">
      <t>キセツ</t>
    </rPh>
    <phoneticPr fontId="1"/>
  </si>
  <si>
    <t>数量(㎥)</t>
    <rPh sb="0" eb="2">
      <t>スウリョウ</t>
    </rPh>
    <phoneticPr fontId="1"/>
  </si>
  <si>
    <t>合計</t>
    <rPh sb="0" eb="2">
      <t>ゴウケイ</t>
    </rPh>
    <phoneticPr fontId="1"/>
  </si>
  <si>
    <t>※季節欄については、気温等の気象条件により配合計画が変わる場合、適宜、入力願います。</t>
    <rPh sb="1" eb="3">
      <t>キセツ</t>
    </rPh>
    <rPh sb="3" eb="4">
      <t>ラン</t>
    </rPh>
    <rPh sb="10" eb="12">
      <t>キオン</t>
    </rPh>
    <rPh sb="12" eb="13">
      <t>トウ</t>
    </rPh>
    <rPh sb="14" eb="16">
      <t>キショウ</t>
    </rPh>
    <rPh sb="16" eb="18">
      <t>ジョウケン</t>
    </rPh>
    <rPh sb="21" eb="23">
      <t>ハイゴウ</t>
    </rPh>
    <rPh sb="23" eb="25">
      <t>ケイカク</t>
    </rPh>
    <rPh sb="26" eb="27">
      <t>カ</t>
    </rPh>
    <rPh sb="29" eb="31">
      <t>バアイ</t>
    </rPh>
    <rPh sb="32" eb="34">
      <t>テキギ</t>
    </rPh>
    <rPh sb="35" eb="37">
      <t>ニュウリョク</t>
    </rPh>
    <rPh sb="37" eb="38">
      <t>ネガ</t>
    </rPh>
    <phoneticPr fontId="1"/>
  </si>
  <si>
    <t>(記載例)</t>
    <rPh sb="1" eb="3">
      <t>キサイ</t>
    </rPh>
    <rPh sb="3" eb="4">
      <t>レイ</t>
    </rPh>
    <phoneticPr fontId="1"/>
  </si>
  <si>
    <t>：株式会社〇〇〇　　〇〇工場</t>
    <rPh sb="1" eb="3">
      <t>カブシキ</t>
    </rPh>
    <rPh sb="3" eb="5">
      <t>カイシャ</t>
    </rPh>
    <rPh sb="12" eb="14">
      <t>コウジョウ</t>
    </rPh>
    <phoneticPr fontId="1"/>
  </si>
  <si>
    <t>BB</t>
    <phoneticPr fontId="1"/>
  </si>
  <si>
    <t>標準</t>
    <rPh sb="0" eb="2">
      <t>ヒョウジュン</t>
    </rPh>
    <phoneticPr fontId="1"/>
  </si>
  <si>
    <t>冬季</t>
    <rPh sb="0" eb="2">
      <t>トウキ</t>
    </rPh>
    <phoneticPr fontId="1"/>
  </si>
  <si>
    <t>㎥</t>
    <phoneticPr fontId="1"/>
  </si>
  <si>
    <t>：〇〇第　号　　〇〇工事</t>
    <rPh sb="3" eb="4">
      <t>ダイ</t>
    </rPh>
    <rPh sb="5" eb="6">
      <t>ゴウ</t>
    </rPh>
    <rPh sb="10" eb="12">
      <t>コウジ</t>
    </rPh>
    <phoneticPr fontId="1"/>
  </si>
  <si>
    <t>：今治市〇〇ー〇〇</t>
    <rPh sb="1" eb="4">
      <t>イマバリシ</t>
    </rPh>
    <phoneticPr fontId="1"/>
  </si>
  <si>
    <t>８５㎥</t>
    <phoneticPr fontId="1"/>
  </si>
  <si>
    <t>(記載例)</t>
    <rPh sb="1" eb="3">
      <t>キサイ</t>
    </rPh>
    <rPh sb="3" eb="4">
      <t>レイ</t>
    </rPh>
    <phoneticPr fontId="1"/>
  </si>
  <si>
    <t>：</t>
    <phoneticPr fontId="1"/>
  </si>
  <si>
    <t>(様式28)</t>
    <rPh sb="1" eb="3">
      <t>ヨウシ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15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3" xfId="0" applyBorder="1">
      <alignment vertical="center"/>
    </xf>
    <xf numFmtId="0" fontId="0" fillId="0" borderId="4" xfId="0" applyBorder="1">
      <alignment vertical="center"/>
    </xf>
    <xf numFmtId="0" fontId="0" fillId="0" borderId="2" xfId="0" applyBorder="1">
      <alignment vertical="center"/>
    </xf>
    <xf numFmtId="14" fontId="0" fillId="0" borderId="1" xfId="0" applyNumberFormat="1" applyBorder="1">
      <alignment vertical="center"/>
    </xf>
    <xf numFmtId="0" fontId="0" fillId="0" borderId="4" xfId="0" applyBorder="1" applyAlignment="1">
      <alignment horizontal="right" vertical="center"/>
    </xf>
    <xf numFmtId="0" fontId="0" fillId="0" borderId="0" xfId="0" applyAlignment="1">
      <alignment horizontal="distributed" vertical="center"/>
    </xf>
    <xf numFmtId="0" fontId="0" fillId="0" borderId="5" xfId="0" applyBorder="1">
      <alignment vertical="center"/>
    </xf>
    <xf numFmtId="0" fontId="0" fillId="0" borderId="1" xfId="0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distributed" vertical="center"/>
    </xf>
    <xf numFmtId="0" fontId="3" fillId="0" borderId="0" xfId="0" applyFo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H100"/>
  <sheetViews>
    <sheetView tabSelected="1" topLeftCell="A22" workbookViewId="0">
      <selection activeCell="M86" sqref="M86"/>
    </sheetView>
  </sheetViews>
  <sheetFormatPr defaultRowHeight="13" x14ac:dyDescent="0.2"/>
  <cols>
    <col min="2" max="2" width="14.36328125" customWidth="1"/>
    <col min="7" max="8" width="10.6328125" style="3" customWidth="1"/>
  </cols>
  <sheetData>
    <row r="1" spans="1:8" x14ac:dyDescent="0.2">
      <c r="A1" t="s">
        <v>23</v>
      </c>
    </row>
    <row r="2" spans="1:8" ht="19.5" customHeight="1" x14ac:dyDescent="0.2">
      <c r="C2" s="12" t="s">
        <v>0</v>
      </c>
      <c r="D2" s="12"/>
      <c r="E2" s="12"/>
    </row>
    <row r="4" spans="1:8" x14ac:dyDescent="0.2">
      <c r="A4" s="13" t="s">
        <v>1</v>
      </c>
      <c r="B4" s="13"/>
      <c r="C4" t="s">
        <v>22</v>
      </c>
    </row>
    <row r="5" spans="1:8" x14ac:dyDescent="0.2">
      <c r="A5" s="13" t="s">
        <v>2</v>
      </c>
      <c r="B5" s="13"/>
      <c r="C5" t="s">
        <v>22</v>
      </c>
    </row>
    <row r="6" spans="1:8" x14ac:dyDescent="0.2">
      <c r="A6" s="13" t="s">
        <v>3</v>
      </c>
      <c r="B6" s="13"/>
      <c r="C6" t="s">
        <v>22</v>
      </c>
    </row>
    <row r="7" spans="1:8" x14ac:dyDescent="0.2">
      <c r="A7" s="13" t="s">
        <v>4</v>
      </c>
      <c r="B7" s="13"/>
      <c r="C7" t="s">
        <v>22</v>
      </c>
    </row>
    <row r="8" spans="1:8" x14ac:dyDescent="0.2">
      <c r="A8" s="9"/>
      <c r="B8" s="9"/>
    </row>
    <row r="10" spans="1:8" ht="15" customHeight="1" x14ac:dyDescent="0.2">
      <c r="A10" s="2" t="s">
        <v>5</v>
      </c>
      <c r="B10" s="2" t="s">
        <v>6</v>
      </c>
      <c r="C10" s="11" t="s">
        <v>7</v>
      </c>
      <c r="D10" s="11"/>
      <c r="E10" s="11"/>
      <c r="F10" s="11"/>
      <c r="G10" s="2" t="s">
        <v>8</v>
      </c>
      <c r="H10" s="2" t="s">
        <v>9</v>
      </c>
    </row>
    <row r="11" spans="1:8" ht="15" customHeight="1" x14ac:dyDescent="0.2">
      <c r="A11" s="2">
        <v>1</v>
      </c>
      <c r="B11" s="1"/>
      <c r="C11" s="4"/>
      <c r="D11" s="6"/>
      <c r="E11" s="10"/>
      <c r="F11" s="5"/>
      <c r="G11" s="2"/>
      <c r="H11" s="2"/>
    </row>
    <row r="12" spans="1:8" ht="15" customHeight="1" x14ac:dyDescent="0.2">
      <c r="A12" s="2">
        <v>2</v>
      </c>
      <c r="B12" s="1"/>
      <c r="C12" s="4"/>
      <c r="D12" s="6"/>
      <c r="E12" s="10"/>
      <c r="F12" s="5"/>
      <c r="G12" s="2"/>
      <c r="H12" s="2"/>
    </row>
    <row r="13" spans="1:8" ht="15" customHeight="1" x14ac:dyDescent="0.2">
      <c r="A13" s="2">
        <v>3</v>
      </c>
      <c r="B13" s="1"/>
      <c r="C13" s="4"/>
      <c r="D13" s="6"/>
      <c r="E13" s="10"/>
      <c r="F13" s="5"/>
      <c r="G13" s="2"/>
      <c r="H13" s="2"/>
    </row>
    <row r="14" spans="1:8" ht="15" customHeight="1" x14ac:dyDescent="0.2">
      <c r="A14" s="2">
        <v>4</v>
      </c>
      <c r="B14" s="1"/>
      <c r="C14" s="4"/>
      <c r="D14" s="6"/>
      <c r="E14" s="10"/>
      <c r="F14" s="5"/>
      <c r="G14" s="2"/>
      <c r="H14" s="2"/>
    </row>
    <row r="15" spans="1:8" ht="15" customHeight="1" x14ac:dyDescent="0.2">
      <c r="A15" s="2">
        <v>5</v>
      </c>
      <c r="B15" s="1"/>
      <c r="C15" s="4"/>
      <c r="D15" s="6"/>
      <c r="E15" s="10"/>
      <c r="F15" s="5"/>
      <c r="G15" s="2"/>
      <c r="H15" s="2"/>
    </row>
    <row r="16" spans="1:8" ht="15" customHeight="1" x14ac:dyDescent="0.2">
      <c r="A16" s="2">
        <v>6</v>
      </c>
      <c r="B16" s="1"/>
      <c r="C16" s="4"/>
      <c r="D16" s="6"/>
      <c r="E16" s="10"/>
      <c r="F16" s="5"/>
      <c r="G16" s="2"/>
      <c r="H16" s="2"/>
    </row>
    <row r="17" spans="1:8" ht="15" customHeight="1" x14ac:dyDescent="0.2">
      <c r="A17" s="2">
        <v>7</v>
      </c>
      <c r="B17" s="1"/>
      <c r="C17" s="4"/>
      <c r="D17" s="6"/>
      <c r="E17" s="10"/>
      <c r="F17" s="5"/>
      <c r="G17" s="2"/>
      <c r="H17" s="2"/>
    </row>
    <row r="18" spans="1:8" ht="15" customHeight="1" x14ac:dyDescent="0.2">
      <c r="A18" s="2">
        <v>8</v>
      </c>
      <c r="B18" s="1"/>
      <c r="C18" s="4"/>
      <c r="D18" s="6"/>
      <c r="E18" s="10"/>
      <c r="F18" s="5"/>
      <c r="G18" s="2"/>
      <c r="H18" s="2"/>
    </row>
    <row r="19" spans="1:8" ht="15" customHeight="1" x14ac:dyDescent="0.2">
      <c r="A19" s="2">
        <v>9</v>
      </c>
      <c r="B19" s="1"/>
      <c r="C19" s="4"/>
      <c r="D19" s="6"/>
      <c r="E19" s="10"/>
      <c r="F19" s="5"/>
      <c r="G19" s="2"/>
      <c r="H19" s="2"/>
    </row>
    <row r="20" spans="1:8" ht="15" customHeight="1" x14ac:dyDescent="0.2">
      <c r="A20" s="2">
        <v>10</v>
      </c>
      <c r="B20" s="1"/>
      <c r="C20" s="4"/>
      <c r="D20" s="6"/>
      <c r="E20" s="10"/>
      <c r="F20" s="5"/>
      <c r="G20" s="2"/>
      <c r="H20" s="2"/>
    </row>
    <row r="21" spans="1:8" ht="15" customHeight="1" x14ac:dyDescent="0.2">
      <c r="A21" s="2">
        <v>11</v>
      </c>
      <c r="B21" s="1"/>
      <c r="C21" s="4"/>
      <c r="D21" s="6"/>
      <c r="E21" s="10"/>
      <c r="F21" s="5"/>
      <c r="G21" s="2"/>
      <c r="H21" s="2"/>
    </row>
    <row r="22" spans="1:8" ht="15" customHeight="1" x14ac:dyDescent="0.2">
      <c r="A22" s="2">
        <v>12</v>
      </c>
      <c r="B22" s="1"/>
      <c r="C22" s="4"/>
      <c r="D22" s="6"/>
      <c r="E22" s="10"/>
      <c r="F22" s="5"/>
      <c r="G22" s="2"/>
      <c r="H22" s="2"/>
    </row>
    <row r="23" spans="1:8" ht="15" customHeight="1" x14ac:dyDescent="0.2">
      <c r="A23" s="2">
        <v>13</v>
      </c>
      <c r="B23" s="1"/>
      <c r="C23" s="4"/>
      <c r="D23" s="6"/>
      <c r="E23" s="10"/>
      <c r="F23" s="5"/>
      <c r="G23" s="2"/>
      <c r="H23" s="2"/>
    </row>
    <row r="24" spans="1:8" ht="15" customHeight="1" x14ac:dyDescent="0.2">
      <c r="A24" s="2">
        <v>14</v>
      </c>
      <c r="B24" s="1"/>
      <c r="C24" s="4"/>
      <c r="D24" s="6"/>
      <c r="E24" s="10"/>
      <c r="F24" s="5"/>
      <c r="G24" s="2"/>
      <c r="H24" s="2"/>
    </row>
    <row r="25" spans="1:8" ht="15" customHeight="1" x14ac:dyDescent="0.2">
      <c r="A25" s="2">
        <v>15</v>
      </c>
      <c r="B25" s="1"/>
      <c r="C25" s="4"/>
      <c r="D25" s="6"/>
      <c r="E25" s="10"/>
      <c r="F25" s="5"/>
      <c r="G25" s="2"/>
      <c r="H25" s="2"/>
    </row>
    <row r="26" spans="1:8" ht="15" customHeight="1" x14ac:dyDescent="0.2">
      <c r="A26" s="2">
        <v>16</v>
      </c>
      <c r="B26" s="1"/>
      <c r="C26" s="4"/>
      <c r="D26" s="6"/>
      <c r="E26" s="10"/>
      <c r="F26" s="5"/>
      <c r="G26" s="2"/>
      <c r="H26" s="2"/>
    </row>
    <row r="27" spans="1:8" ht="15" customHeight="1" x14ac:dyDescent="0.2">
      <c r="A27" s="2">
        <v>17</v>
      </c>
      <c r="B27" s="1"/>
      <c r="C27" s="4"/>
      <c r="D27" s="6"/>
      <c r="E27" s="10"/>
      <c r="F27" s="5"/>
      <c r="G27" s="2"/>
      <c r="H27" s="2"/>
    </row>
    <row r="28" spans="1:8" ht="15" customHeight="1" x14ac:dyDescent="0.2">
      <c r="A28" s="2">
        <v>18</v>
      </c>
      <c r="B28" s="1"/>
      <c r="C28" s="4"/>
      <c r="D28" s="6"/>
      <c r="E28" s="10"/>
      <c r="F28" s="5"/>
      <c r="G28" s="2"/>
      <c r="H28" s="2"/>
    </row>
    <row r="29" spans="1:8" ht="15" customHeight="1" x14ac:dyDescent="0.2">
      <c r="A29" s="2">
        <v>19</v>
      </c>
      <c r="B29" s="1"/>
      <c r="C29" s="4"/>
      <c r="D29" s="6"/>
      <c r="E29" s="10"/>
      <c r="F29" s="5"/>
      <c r="G29" s="2"/>
      <c r="H29" s="2"/>
    </row>
    <row r="30" spans="1:8" ht="15" customHeight="1" x14ac:dyDescent="0.2">
      <c r="A30" s="2">
        <v>20</v>
      </c>
      <c r="B30" s="1"/>
      <c r="C30" s="4"/>
      <c r="D30" s="6"/>
      <c r="E30" s="10"/>
      <c r="F30" s="5"/>
      <c r="G30" s="2"/>
      <c r="H30" s="2"/>
    </row>
    <row r="31" spans="1:8" ht="15" customHeight="1" x14ac:dyDescent="0.2">
      <c r="A31" s="2">
        <v>21</v>
      </c>
      <c r="B31" s="1"/>
      <c r="C31" s="4"/>
      <c r="D31" s="6"/>
      <c r="E31" s="10"/>
      <c r="F31" s="5"/>
      <c r="G31" s="2"/>
      <c r="H31" s="2"/>
    </row>
    <row r="32" spans="1:8" ht="15" customHeight="1" x14ac:dyDescent="0.2">
      <c r="A32" s="2">
        <v>22</v>
      </c>
      <c r="B32" s="1"/>
      <c r="C32" s="4"/>
      <c r="D32" s="6"/>
      <c r="E32" s="10"/>
      <c r="F32" s="5"/>
      <c r="G32" s="2"/>
      <c r="H32" s="2"/>
    </row>
    <row r="33" spans="1:8" ht="15" customHeight="1" x14ac:dyDescent="0.2">
      <c r="A33" s="2">
        <v>23</v>
      </c>
      <c r="B33" s="1"/>
      <c r="C33" s="4"/>
      <c r="D33" s="6"/>
      <c r="E33" s="10"/>
      <c r="F33" s="5"/>
      <c r="G33" s="2"/>
      <c r="H33" s="2"/>
    </row>
    <row r="34" spans="1:8" ht="15" customHeight="1" x14ac:dyDescent="0.2">
      <c r="A34" s="2">
        <v>24</v>
      </c>
      <c r="B34" s="1"/>
      <c r="C34" s="4"/>
      <c r="D34" s="6"/>
      <c r="E34" s="10"/>
      <c r="F34" s="5"/>
      <c r="G34" s="2"/>
      <c r="H34" s="2"/>
    </row>
    <row r="35" spans="1:8" ht="15" customHeight="1" x14ac:dyDescent="0.2">
      <c r="A35" s="2">
        <v>25</v>
      </c>
      <c r="B35" s="1"/>
      <c r="C35" s="4"/>
      <c r="D35" s="6"/>
      <c r="E35" s="10"/>
      <c r="F35" s="5"/>
      <c r="G35" s="2"/>
      <c r="H35" s="2"/>
    </row>
    <row r="36" spans="1:8" ht="15" customHeight="1" x14ac:dyDescent="0.2">
      <c r="A36" s="2">
        <v>26</v>
      </c>
      <c r="B36" s="1"/>
      <c r="C36" s="4"/>
      <c r="D36" s="6"/>
      <c r="E36" s="10"/>
      <c r="F36" s="5"/>
      <c r="G36" s="2"/>
      <c r="H36" s="2"/>
    </row>
    <row r="37" spans="1:8" ht="15" customHeight="1" x14ac:dyDescent="0.2">
      <c r="A37" s="2">
        <v>27</v>
      </c>
      <c r="B37" s="1"/>
      <c r="C37" s="4"/>
      <c r="D37" s="6"/>
      <c r="E37" s="10"/>
      <c r="F37" s="5"/>
      <c r="G37" s="2"/>
      <c r="H37" s="2"/>
    </row>
    <row r="38" spans="1:8" ht="15" customHeight="1" x14ac:dyDescent="0.2">
      <c r="A38" s="2">
        <v>28</v>
      </c>
      <c r="B38" s="1"/>
      <c r="C38" s="4"/>
      <c r="D38" s="6"/>
      <c r="E38" s="10"/>
      <c r="F38" s="5"/>
      <c r="G38" s="2"/>
      <c r="H38" s="2"/>
    </row>
    <row r="39" spans="1:8" ht="15" customHeight="1" x14ac:dyDescent="0.2">
      <c r="A39" s="2">
        <v>29</v>
      </c>
      <c r="B39" s="1"/>
      <c r="C39" s="4"/>
      <c r="D39" s="6"/>
      <c r="E39" s="10"/>
      <c r="F39" s="5"/>
      <c r="G39" s="2"/>
      <c r="H39" s="2"/>
    </row>
    <row r="40" spans="1:8" ht="15" customHeight="1" x14ac:dyDescent="0.2">
      <c r="A40" s="2">
        <v>30</v>
      </c>
      <c r="B40" s="1"/>
      <c r="C40" s="4"/>
      <c r="D40" s="6"/>
      <c r="E40" s="10"/>
      <c r="F40" s="5"/>
      <c r="G40" s="2"/>
      <c r="H40" s="2"/>
    </row>
    <row r="42" spans="1:8" x14ac:dyDescent="0.2">
      <c r="G42" s="3" t="s">
        <v>10</v>
      </c>
      <c r="H42" s="3" t="s">
        <v>17</v>
      </c>
    </row>
    <row r="44" spans="1:8" x14ac:dyDescent="0.2">
      <c r="A44" s="14" t="s">
        <v>11</v>
      </c>
    </row>
    <row r="57" spans="1:5" x14ac:dyDescent="0.2">
      <c r="A57" t="s">
        <v>23</v>
      </c>
      <c r="D57" t="s">
        <v>12</v>
      </c>
    </row>
    <row r="58" spans="1:5" ht="19.5" customHeight="1" x14ac:dyDescent="0.2">
      <c r="C58" s="12" t="s">
        <v>0</v>
      </c>
      <c r="D58" s="12"/>
      <c r="E58" s="12"/>
    </row>
    <row r="60" spans="1:5" x14ac:dyDescent="0.2">
      <c r="A60" s="13" t="s">
        <v>1</v>
      </c>
      <c r="B60" s="13"/>
      <c r="C60" t="s">
        <v>13</v>
      </c>
    </row>
    <row r="61" spans="1:5" x14ac:dyDescent="0.2">
      <c r="A61" s="13" t="s">
        <v>2</v>
      </c>
      <c r="B61" s="13"/>
      <c r="C61" t="s">
        <v>19</v>
      </c>
    </row>
    <row r="62" spans="1:5" x14ac:dyDescent="0.2">
      <c r="A62" s="13" t="s">
        <v>3</v>
      </c>
      <c r="B62" s="13"/>
      <c r="C62" t="s">
        <v>18</v>
      </c>
    </row>
    <row r="63" spans="1:5" x14ac:dyDescent="0.2">
      <c r="A63" s="13" t="s">
        <v>4</v>
      </c>
      <c r="B63" s="13"/>
      <c r="C63" t="s">
        <v>19</v>
      </c>
    </row>
    <row r="64" spans="1:5" x14ac:dyDescent="0.2">
      <c r="A64" s="9"/>
      <c r="B64" s="9"/>
    </row>
    <row r="65" spans="1:8" x14ac:dyDescent="0.2">
      <c r="A65" t="s">
        <v>21</v>
      </c>
    </row>
    <row r="66" spans="1:8" ht="15" customHeight="1" x14ac:dyDescent="0.2">
      <c r="A66" s="2" t="s">
        <v>5</v>
      </c>
      <c r="B66" s="2" t="s">
        <v>6</v>
      </c>
      <c r="C66" s="11" t="s">
        <v>7</v>
      </c>
      <c r="D66" s="11"/>
      <c r="E66" s="11"/>
      <c r="F66" s="11"/>
      <c r="G66" s="2" t="s">
        <v>8</v>
      </c>
      <c r="H66" s="2" t="s">
        <v>9</v>
      </c>
    </row>
    <row r="67" spans="1:8" ht="15" customHeight="1" x14ac:dyDescent="0.2">
      <c r="A67" s="2">
        <v>1</v>
      </c>
      <c r="B67" s="7">
        <v>45672</v>
      </c>
      <c r="C67" s="4">
        <v>24</v>
      </c>
      <c r="D67" s="6">
        <v>12</v>
      </c>
      <c r="E67" s="10">
        <v>20</v>
      </c>
      <c r="F67" s="8" t="s">
        <v>14</v>
      </c>
      <c r="G67" s="2" t="s">
        <v>16</v>
      </c>
      <c r="H67" s="2">
        <v>15</v>
      </c>
    </row>
    <row r="68" spans="1:8" ht="15" customHeight="1" x14ac:dyDescent="0.2">
      <c r="A68" s="2">
        <v>2</v>
      </c>
      <c r="B68" s="7">
        <v>45687</v>
      </c>
      <c r="C68" s="4">
        <v>24</v>
      </c>
      <c r="D68" s="6">
        <v>12</v>
      </c>
      <c r="E68" s="10">
        <v>20</v>
      </c>
      <c r="F68" s="8" t="s">
        <v>14</v>
      </c>
      <c r="G68" s="2" t="s">
        <v>16</v>
      </c>
      <c r="H68" s="2">
        <v>20</v>
      </c>
    </row>
    <row r="69" spans="1:8" ht="15" customHeight="1" x14ac:dyDescent="0.2">
      <c r="A69" s="2">
        <v>3</v>
      </c>
      <c r="B69" s="7">
        <v>45703</v>
      </c>
      <c r="C69" s="4">
        <v>24</v>
      </c>
      <c r="D69" s="6">
        <v>12</v>
      </c>
      <c r="E69" s="10">
        <v>20</v>
      </c>
      <c r="F69" s="8" t="s">
        <v>14</v>
      </c>
      <c r="G69" s="2" t="s">
        <v>16</v>
      </c>
      <c r="H69" s="2">
        <v>20</v>
      </c>
    </row>
    <row r="70" spans="1:8" ht="15" customHeight="1" x14ac:dyDescent="0.2">
      <c r="A70" s="2">
        <v>4</v>
      </c>
      <c r="B70" s="7">
        <v>45778</v>
      </c>
      <c r="C70" s="4">
        <v>24</v>
      </c>
      <c r="D70" s="6">
        <v>12</v>
      </c>
      <c r="E70" s="10">
        <v>20</v>
      </c>
      <c r="F70" s="8" t="s">
        <v>14</v>
      </c>
      <c r="G70" s="2" t="s">
        <v>15</v>
      </c>
      <c r="H70" s="2">
        <v>15</v>
      </c>
    </row>
    <row r="71" spans="1:8" ht="15" customHeight="1" x14ac:dyDescent="0.2">
      <c r="A71" s="2">
        <v>5</v>
      </c>
      <c r="B71" s="7">
        <v>45809</v>
      </c>
      <c r="C71" s="4">
        <v>18</v>
      </c>
      <c r="D71" s="6">
        <v>8</v>
      </c>
      <c r="E71" s="10">
        <v>20</v>
      </c>
      <c r="F71" s="8" t="s">
        <v>14</v>
      </c>
      <c r="G71" s="2" t="s">
        <v>15</v>
      </c>
      <c r="H71" s="2">
        <v>15</v>
      </c>
    </row>
    <row r="72" spans="1:8" ht="15" customHeight="1" x14ac:dyDescent="0.2">
      <c r="A72" s="2">
        <v>6</v>
      </c>
      <c r="B72" s="1"/>
      <c r="C72" s="4"/>
      <c r="D72" s="6"/>
      <c r="E72" s="10"/>
      <c r="F72" s="8"/>
      <c r="G72" s="2"/>
      <c r="H72" s="2"/>
    </row>
    <row r="73" spans="1:8" ht="15" customHeight="1" x14ac:dyDescent="0.2">
      <c r="A73" s="2">
        <v>7</v>
      </c>
      <c r="B73" s="1"/>
      <c r="C73" s="4"/>
      <c r="D73" s="6"/>
      <c r="E73" s="10"/>
      <c r="F73" s="8"/>
      <c r="G73" s="2"/>
      <c r="H73" s="2"/>
    </row>
    <row r="74" spans="1:8" ht="15" customHeight="1" x14ac:dyDescent="0.2">
      <c r="A74" s="2">
        <v>8</v>
      </c>
      <c r="B74" s="1"/>
      <c r="C74" s="4"/>
      <c r="D74" s="6"/>
      <c r="E74" s="10"/>
      <c r="F74" s="8"/>
      <c r="G74" s="2"/>
      <c r="H74" s="2"/>
    </row>
    <row r="75" spans="1:8" ht="15" customHeight="1" x14ac:dyDescent="0.2">
      <c r="A75" s="2">
        <v>9</v>
      </c>
      <c r="B75" s="1"/>
      <c r="C75" s="4"/>
      <c r="D75" s="6"/>
      <c r="E75" s="10"/>
      <c r="F75" s="8"/>
      <c r="G75" s="2"/>
      <c r="H75" s="2"/>
    </row>
    <row r="76" spans="1:8" ht="15" customHeight="1" x14ac:dyDescent="0.2">
      <c r="A76" s="2">
        <v>10</v>
      </c>
      <c r="B76" s="1"/>
      <c r="C76" s="4"/>
      <c r="D76" s="6"/>
      <c r="E76" s="10"/>
      <c r="F76" s="8"/>
      <c r="G76" s="2"/>
      <c r="H76" s="2"/>
    </row>
    <row r="77" spans="1:8" ht="15" customHeight="1" x14ac:dyDescent="0.2">
      <c r="A77" s="2">
        <v>11</v>
      </c>
      <c r="B77" s="1"/>
      <c r="C77" s="4"/>
      <c r="D77" s="6"/>
      <c r="E77" s="10"/>
      <c r="F77" s="8"/>
      <c r="G77" s="2"/>
      <c r="H77" s="2"/>
    </row>
    <row r="78" spans="1:8" ht="15" customHeight="1" x14ac:dyDescent="0.2">
      <c r="A78" s="2">
        <v>12</v>
      </c>
      <c r="B78" s="1"/>
      <c r="C78" s="4"/>
      <c r="D78" s="6"/>
      <c r="E78" s="10"/>
      <c r="F78" s="8"/>
      <c r="G78" s="2"/>
      <c r="H78" s="2"/>
    </row>
    <row r="79" spans="1:8" ht="15" customHeight="1" x14ac:dyDescent="0.2">
      <c r="A79" s="2">
        <v>13</v>
      </c>
      <c r="B79" s="1"/>
      <c r="C79" s="4"/>
      <c r="D79" s="6"/>
      <c r="E79" s="10"/>
      <c r="F79" s="8"/>
      <c r="G79" s="2"/>
      <c r="H79" s="2"/>
    </row>
    <row r="80" spans="1:8" ht="15" customHeight="1" x14ac:dyDescent="0.2">
      <c r="A80" s="2">
        <v>14</v>
      </c>
      <c r="B80" s="1"/>
      <c r="C80" s="4"/>
      <c r="D80" s="6"/>
      <c r="E80" s="10"/>
      <c r="F80" s="8"/>
      <c r="G80" s="2"/>
      <c r="H80" s="2"/>
    </row>
    <row r="81" spans="1:8" ht="15" customHeight="1" x14ac:dyDescent="0.2">
      <c r="A81" s="2">
        <v>15</v>
      </c>
      <c r="B81" s="1"/>
      <c r="C81" s="4"/>
      <c r="D81" s="6"/>
      <c r="E81" s="10"/>
      <c r="F81" s="8"/>
      <c r="G81" s="2"/>
      <c r="H81" s="2"/>
    </row>
    <row r="82" spans="1:8" ht="15" customHeight="1" x14ac:dyDescent="0.2">
      <c r="A82" s="2">
        <v>16</v>
      </c>
      <c r="B82" s="1"/>
      <c r="C82" s="4"/>
      <c r="D82" s="6"/>
      <c r="E82" s="10"/>
      <c r="F82" s="8"/>
      <c r="G82" s="2"/>
      <c r="H82" s="2"/>
    </row>
    <row r="83" spans="1:8" ht="15" customHeight="1" x14ac:dyDescent="0.2">
      <c r="A83" s="2">
        <v>17</v>
      </c>
      <c r="B83" s="1"/>
      <c r="C83" s="4"/>
      <c r="D83" s="6"/>
      <c r="E83" s="10"/>
      <c r="F83" s="8"/>
      <c r="G83" s="2"/>
      <c r="H83" s="2"/>
    </row>
    <row r="84" spans="1:8" ht="15" customHeight="1" x14ac:dyDescent="0.2">
      <c r="A84" s="2">
        <v>18</v>
      </c>
      <c r="B84" s="1"/>
      <c r="C84" s="4"/>
      <c r="D84" s="6"/>
      <c r="E84" s="10"/>
      <c r="F84" s="8"/>
      <c r="G84" s="2"/>
      <c r="H84" s="2"/>
    </row>
    <row r="85" spans="1:8" ht="15" customHeight="1" x14ac:dyDescent="0.2">
      <c r="A85" s="2">
        <v>19</v>
      </c>
      <c r="B85" s="1"/>
      <c r="C85" s="4"/>
      <c r="D85" s="6"/>
      <c r="E85" s="10"/>
      <c r="F85" s="8"/>
      <c r="G85" s="2"/>
      <c r="H85" s="2"/>
    </row>
    <row r="86" spans="1:8" ht="15" customHeight="1" x14ac:dyDescent="0.2">
      <c r="A86" s="2">
        <v>20</v>
      </c>
      <c r="B86" s="1"/>
      <c r="C86" s="4"/>
      <c r="D86" s="6"/>
      <c r="E86" s="10"/>
      <c r="F86" s="8"/>
      <c r="G86" s="2"/>
      <c r="H86" s="2"/>
    </row>
    <row r="87" spans="1:8" ht="15" customHeight="1" x14ac:dyDescent="0.2">
      <c r="A87" s="2">
        <v>21</v>
      </c>
      <c r="B87" s="1"/>
      <c r="C87" s="4"/>
      <c r="D87" s="6"/>
      <c r="E87" s="10"/>
      <c r="F87" s="8"/>
      <c r="G87" s="2"/>
      <c r="H87" s="2"/>
    </row>
    <row r="88" spans="1:8" ht="15" customHeight="1" x14ac:dyDescent="0.2">
      <c r="A88" s="2">
        <v>22</v>
      </c>
      <c r="B88" s="1"/>
      <c r="C88" s="4"/>
      <c r="D88" s="6"/>
      <c r="E88" s="10"/>
      <c r="F88" s="8"/>
      <c r="G88" s="2"/>
      <c r="H88" s="2"/>
    </row>
    <row r="89" spans="1:8" ht="15" customHeight="1" x14ac:dyDescent="0.2">
      <c r="A89" s="2">
        <v>23</v>
      </c>
      <c r="B89" s="1"/>
      <c r="C89" s="4"/>
      <c r="D89" s="6"/>
      <c r="E89" s="10"/>
      <c r="F89" s="8"/>
      <c r="G89" s="2"/>
      <c r="H89" s="2"/>
    </row>
    <row r="90" spans="1:8" ht="15" customHeight="1" x14ac:dyDescent="0.2">
      <c r="A90" s="2">
        <v>24</v>
      </c>
      <c r="B90" s="1"/>
      <c r="C90" s="4"/>
      <c r="D90" s="6"/>
      <c r="E90" s="10"/>
      <c r="F90" s="8"/>
      <c r="G90" s="2"/>
      <c r="H90" s="2"/>
    </row>
    <row r="91" spans="1:8" ht="15" customHeight="1" x14ac:dyDescent="0.2">
      <c r="A91" s="2">
        <v>25</v>
      </c>
      <c r="B91" s="1"/>
      <c r="C91" s="4"/>
      <c r="D91" s="6"/>
      <c r="E91" s="10"/>
      <c r="F91" s="8"/>
      <c r="G91" s="2"/>
      <c r="H91" s="2"/>
    </row>
    <row r="92" spans="1:8" ht="15" customHeight="1" x14ac:dyDescent="0.2">
      <c r="A92" s="2">
        <v>26</v>
      </c>
      <c r="B92" s="1"/>
      <c r="C92" s="4"/>
      <c r="D92" s="6"/>
      <c r="E92" s="10"/>
      <c r="F92" s="8"/>
      <c r="G92" s="2"/>
      <c r="H92" s="2"/>
    </row>
    <row r="93" spans="1:8" ht="15" customHeight="1" x14ac:dyDescent="0.2">
      <c r="A93" s="2">
        <v>27</v>
      </c>
      <c r="B93" s="1"/>
      <c r="C93" s="4"/>
      <c r="D93" s="6"/>
      <c r="E93" s="10"/>
      <c r="F93" s="8"/>
      <c r="G93" s="2"/>
      <c r="H93" s="2"/>
    </row>
    <row r="94" spans="1:8" ht="15" customHeight="1" x14ac:dyDescent="0.2">
      <c r="A94" s="2">
        <v>28</v>
      </c>
      <c r="B94" s="1"/>
      <c r="C94" s="4"/>
      <c r="D94" s="6"/>
      <c r="E94" s="10"/>
      <c r="F94" s="8"/>
      <c r="G94" s="2"/>
      <c r="H94" s="2"/>
    </row>
    <row r="95" spans="1:8" ht="15" customHeight="1" x14ac:dyDescent="0.2">
      <c r="A95" s="2">
        <v>29</v>
      </c>
      <c r="B95" s="1"/>
      <c r="C95" s="4"/>
      <c r="D95" s="6"/>
      <c r="E95" s="10"/>
      <c r="F95" s="8"/>
      <c r="G95" s="2"/>
      <c r="H95" s="2"/>
    </row>
    <row r="96" spans="1:8" ht="15" customHeight="1" x14ac:dyDescent="0.2">
      <c r="A96" s="2">
        <v>30</v>
      </c>
      <c r="B96" s="1"/>
      <c r="C96" s="4"/>
      <c r="D96" s="6"/>
      <c r="E96" s="10"/>
      <c r="F96" s="8"/>
      <c r="G96" s="2"/>
      <c r="H96" s="2"/>
    </row>
    <row r="98" spans="1:8" x14ac:dyDescent="0.2">
      <c r="G98" s="3" t="s">
        <v>10</v>
      </c>
      <c r="H98" s="3" t="s">
        <v>20</v>
      </c>
    </row>
    <row r="100" spans="1:8" x14ac:dyDescent="0.2">
      <c r="A100" s="14" t="s">
        <v>11</v>
      </c>
    </row>
  </sheetData>
  <mergeCells count="12">
    <mergeCell ref="C10:F10"/>
    <mergeCell ref="C2:E2"/>
    <mergeCell ref="C58:E58"/>
    <mergeCell ref="C66:F66"/>
    <mergeCell ref="A60:B60"/>
    <mergeCell ref="A61:B61"/>
    <mergeCell ref="A62:B62"/>
    <mergeCell ref="A63:B63"/>
    <mergeCell ref="A4:B4"/>
    <mergeCell ref="A5:B5"/>
    <mergeCell ref="A6:B6"/>
    <mergeCell ref="A7:B7"/>
  </mergeCells>
  <phoneticPr fontId="1"/>
  <pageMargins left="0.98425196850393704" right="0.78740157480314965" top="0.74803149606299213" bottom="0.74803149606299213" header="0.31496062992125984" footer="0.31496062992125984"/>
  <pageSetup paperSize="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配合別打設数量表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矢野優</dc:creator>
  <cp:lastModifiedBy>矢野優</cp:lastModifiedBy>
  <cp:lastPrinted>2025-02-14T05:12:26Z</cp:lastPrinted>
  <dcterms:created xsi:type="dcterms:W3CDTF">2014-05-27T06:18:11Z</dcterms:created>
  <dcterms:modified xsi:type="dcterms:W3CDTF">2025-02-14T05:12:36Z</dcterms:modified>
</cp:coreProperties>
</file>